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 defaultThemeVersion="124226"/>
  <mc:AlternateContent xmlns:mc="http://schemas.openxmlformats.org/markup-compatibility/2006">
    <mc:Choice Requires="x15">
      <x15ac:absPath xmlns:x15ac="http://schemas.microsoft.com/office/spreadsheetml/2010/11/ac" url="\\kfs01\s1169\2022_03人口・社会統計課\02_周期統計\09_農林業センサス\10_結果報告関係書類\02_訂正連絡\"/>
    </mc:Choice>
  </mc:AlternateContent>
  <bookViews>
    <workbookView xWindow="0" yWindow="0" windowWidth="11436" windowHeight="9300"/>
  </bookViews>
  <sheets>
    <sheet name="Ⅰ-5(1)p111 都道府県設定項目" sheetId="70" r:id="rId1"/>
  </sheets>
  <definedNames>
    <definedName name="_xlnm.Print_Area" localSheetId="0">'Ⅰ-5(1)p111 都道府県設定項目'!$A$2:$J$70</definedName>
  </definedNames>
  <calcPr calcId="152511"/>
</workbook>
</file>

<file path=xl/sharedStrings.xml><?xml version="1.0" encoding="utf-8"?>
<sst xmlns="http://schemas.openxmlformats.org/spreadsheetml/2006/main" count="129" uniqueCount="73">
  <si>
    <t>横浜市</t>
  </si>
  <si>
    <t>神奈川区</t>
  </si>
  <si>
    <t>西区</t>
  </si>
  <si>
    <t>中区</t>
  </si>
  <si>
    <t>南区</t>
  </si>
  <si>
    <t>保土ケ谷区</t>
  </si>
  <si>
    <t>磯子区</t>
  </si>
  <si>
    <t>金沢区</t>
  </si>
  <si>
    <t>港北区</t>
  </si>
  <si>
    <t>戸塚区</t>
  </si>
  <si>
    <t>港南区</t>
  </si>
  <si>
    <t>旭区</t>
  </si>
  <si>
    <t>緑区</t>
  </si>
  <si>
    <t>瀬谷区</t>
  </si>
  <si>
    <t>栄区</t>
  </si>
  <si>
    <t>泉区</t>
  </si>
  <si>
    <t>青葉区</t>
  </si>
  <si>
    <t>都筑区</t>
  </si>
  <si>
    <t>川崎市</t>
  </si>
  <si>
    <t>川崎区</t>
  </si>
  <si>
    <t>幸区</t>
  </si>
  <si>
    <t>中原区</t>
  </si>
  <si>
    <t>高津区</t>
  </si>
  <si>
    <t>多摩区</t>
  </si>
  <si>
    <t>宮前区</t>
  </si>
  <si>
    <t>麻生区</t>
  </si>
  <si>
    <t>相模原市</t>
  </si>
  <si>
    <t>中央区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-</t>
  </si>
  <si>
    <t>神奈川県</t>
    <rPh sb="0" eb="4">
      <t>カナガワケン</t>
    </rPh>
    <phoneticPr fontId="3"/>
  </si>
  <si>
    <t>x</t>
  </si>
  <si>
    <t>Ⅰ　農林業経営体調査</t>
  </si>
  <si>
    <t>市区町村名</t>
    <phoneticPr fontId="3"/>
  </si>
  <si>
    <t>５　都道府県設定項目</t>
    <rPh sb="2" eb="6">
      <t>トドウフケン</t>
    </rPh>
    <rPh sb="6" eb="8">
      <t>セッテイ</t>
    </rPh>
    <rPh sb="8" eb="10">
      <t>コウモク</t>
    </rPh>
    <phoneticPr fontId="3"/>
  </si>
  <si>
    <t>耕作放棄地面積</t>
    <rPh sb="0" eb="2">
      <t>コウサク</t>
    </rPh>
    <rPh sb="2" eb="4">
      <t>ホウキ</t>
    </rPh>
    <rPh sb="4" eb="5">
      <t>チ</t>
    </rPh>
    <rPh sb="5" eb="7">
      <t>メンセキ</t>
    </rPh>
    <phoneticPr fontId="3"/>
  </si>
  <si>
    <t>過去１年間の
堆肥の使用量</t>
    <rPh sb="0" eb="2">
      <t>カコ</t>
    </rPh>
    <rPh sb="3" eb="5">
      <t>ネンカン</t>
    </rPh>
    <rPh sb="7" eb="9">
      <t>タイヒ</t>
    </rPh>
    <rPh sb="10" eb="12">
      <t>シヨウ</t>
    </rPh>
    <rPh sb="12" eb="13">
      <t>リョウ</t>
    </rPh>
    <phoneticPr fontId="3"/>
  </si>
  <si>
    <t>鶴見区</t>
    <phoneticPr fontId="3"/>
  </si>
  <si>
    <r>
      <t xml:space="preserve">回答数
</t>
    </r>
    <r>
      <rPr>
        <sz val="8"/>
        <rFont val="ＭＳ Ｐゴシック"/>
        <family val="3"/>
        <charset val="128"/>
      </rPr>
      <t>単位：経営体</t>
    </r>
    <rPh sb="0" eb="2">
      <t>カイトウ</t>
    </rPh>
    <rPh sb="2" eb="3">
      <t>スウ</t>
    </rPh>
    <rPh sb="4" eb="6">
      <t>タンイ</t>
    </rPh>
    <rPh sb="7" eb="10">
      <t>ケイエイタイ</t>
    </rPh>
    <phoneticPr fontId="3"/>
  </si>
  <si>
    <t>使用量
単位：t</t>
    <rPh sb="0" eb="2">
      <t>シヨウ</t>
    </rPh>
    <rPh sb="2" eb="3">
      <t>リョウ</t>
    </rPh>
    <rPh sb="4" eb="6">
      <t>タンイ</t>
    </rPh>
    <phoneticPr fontId="3"/>
  </si>
  <si>
    <r>
      <rPr>
        <sz val="8"/>
        <rFont val="ＭＳ ゴシック"/>
        <family val="3"/>
        <charset val="128"/>
      </rPr>
      <t>面積</t>
    </r>
    <r>
      <rPr>
        <sz val="8"/>
        <rFont val="ＭＳ Ｐゴシック"/>
        <family val="3"/>
        <charset val="128"/>
      </rPr>
      <t xml:space="preserve">
単位：a</t>
    </r>
    <rPh sb="0" eb="2">
      <t>メンセキ</t>
    </rPh>
    <rPh sb="3" eb="5">
      <t>タンイ</t>
    </rPh>
    <phoneticPr fontId="3"/>
  </si>
  <si>
    <t>消費者に直接販売した
農産物販売金額</t>
    <rPh sb="0" eb="3">
      <t>ショウヒシャ</t>
    </rPh>
    <rPh sb="4" eb="6">
      <t>チョクセツ</t>
    </rPh>
    <rPh sb="6" eb="8">
      <t>ハンバイ</t>
    </rPh>
    <rPh sb="11" eb="12">
      <t>ノウ</t>
    </rPh>
    <rPh sb="12" eb="13">
      <t>サン</t>
    </rPh>
    <rPh sb="13" eb="14">
      <t>モノ</t>
    </rPh>
    <rPh sb="14" eb="15">
      <t>ハン</t>
    </rPh>
    <rPh sb="15" eb="16">
      <t>バイ</t>
    </rPh>
    <rPh sb="16" eb="17">
      <t>カネ</t>
    </rPh>
    <rPh sb="17" eb="18">
      <t>ガク</t>
    </rPh>
    <phoneticPr fontId="3"/>
  </si>
  <si>
    <t>今後５年以内に貸したい
または売りたい農地面積</t>
    <rPh sb="0" eb="2">
      <t>コンゴ</t>
    </rPh>
    <rPh sb="3" eb="4">
      <t>ネン</t>
    </rPh>
    <rPh sb="4" eb="6">
      <t>イナイ</t>
    </rPh>
    <rPh sb="7" eb="8">
      <t>カ</t>
    </rPh>
    <rPh sb="15" eb="16">
      <t>ウ</t>
    </rPh>
    <rPh sb="19" eb="21">
      <t>ノウチ</t>
    </rPh>
    <rPh sb="21" eb="23">
      <t>メンセキ</t>
    </rPh>
    <phoneticPr fontId="3"/>
  </si>
  <si>
    <r>
      <rPr>
        <sz val="8"/>
        <rFont val="ＭＳ ゴシック"/>
        <family val="3"/>
        <charset val="128"/>
      </rPr>
      <t>金額</t>
    </r>
    <r>
      <rPr>
        <sz val="8"/>
        <rFont val="ＭＳ Ｐゴシック"/>
        <family val="3"/>
        <charset val="128"/>
      </rPr>
      <t xml:space="preserve">
単位：万円</t>
    </r>
    <rPh sb="0" eb="2">
      <t>キンガク</t>
    </rPh>
    <rPh sb="3" eb="5">
      <t>タンイ</t>
    </rPh>
    <rPh sb="6" eb="7">
      <t>マン</t>
    </rPh>
    <rPh sb="7" eb="8">
      <t>エ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##\ ###\ ###\ ###\ ###\ ###\ ##0"/>
    <numFmt numFmtId="177" formatCode="\(General\)"/>
  </numFmts>
  <fonts count="10" x14ac:knownFonts="1">
    <font>
      <sz val="11"/>
      <color theme="1"/>
      <name val="ＭＳ Ｐゴシック"/>
      <family val="3"/>
      <charset val="128"/>
      <scheme val="minor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6"/>
      <name val="ＭＳ Ｐゴシック"/>
      <family val="3"/>
      <charset val="128"/>
      <scheme val="minor"/>
    </font>
    <font>
      <sz val="10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sz val="8"/>
      <name val="ＭＳ ゴシック"/>
      <family val="3"/>
      <charset val="128"/>
    </font>
    <font>
      <sz val="8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/>
      <right style="thin">
        <color auto="1"/>
      </right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</borders>
  <cellStyleXfs count="9">
    <xf numFmtId="0" fontId="0" fillId="0" borderId="0">
      <alignment vertical="center"/>
    </xf>
    <xf numFmtId="0" fontId="5" fillId="0" borderId="0">
      <alignment vertical="center"/>
    </xf>
    <xf numFmtId="0" fontId="5" fillId="0" borderId="0"/>
    <xf numFmtId="0" fontId="6" fillId="0" borderId="0">
      <alignment vertical="center"/>
    </xf>
    <xf numFmtId="0" fontId="2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5" fillId="0" borderId="0">
      <alignment vertical="center"/>
    </xf>
    <xf numFmtId="38" fontId="7" fillId="0" borderId="0" applyFont="0" applyFill="0" applyBorder="0" applyAlignment="0" applyProtection="0">
      <alignment vertical="center"/>
    </xf>
  </cellStyleXfs>
  <cellXfs count="44">
    <xf numFmtId="0" fontId="0" fillId="0" borderId="0" xfId="0">
      <alignment vertical="center"/>
    </xf>
    <xf numFmtId="0" fontId="8" fillId="0" borderId="0" xfId="0" applyNumberFormat="1" applyFont="1" applyBorder="1" applyAlignment="1">
      <alignment vertical="center"/>
    </xf>
    <xf numFmtId="0" fontId="8" fillId="0" borderId="2" xfId="0" applyNumberFormat="1" applyFont="1" applyBorder="1" applyAlignment="1">
      <alignment vertical="center"/>
    </xf>
    <xf numFmtId="38" fontId="8" fillId="0" borderId="0" xfId="8" applyFont="1" applyBorder="1" applyAlignment="1">
      <alignment horizontal="right" vertical="center"/>
    </xf>
    <xf numFmtId="38" fontId="8" fillId="0" borderId="6" xfId="8" applyFont="1" applyBorder="1" applyAlignment="1">
      <alignment horizontal="right" vertical="center"/>
    </xf>
    <xf numFmtId="0" fontId="8" fillId="0" borderId="8" xfId="0" applyNumberFormat="1" applyFont="1" applyFill="1" applyBorder="1" applyAlignment="1">
      <alignment horizontal="center" vertical="center" shrinkToFit="1"/>
    </xf>
    <xf numFmtId="0" fontId="8" fillId="0" borderId="1" xfId="0" applyNumberFormat="1" applyFont="1" applyFill="1" applyBorder="1" applyAlignment="1">
      <alignment horizontal="center" vertical="center" wrapText="1" shrinkToFit="1"/>
    </xf>
    <xf numFmtId="0" fontId="8" fillId="0" borderId="5" xfId="0" applyNumberFormat="1" applyFont="1" applyFill="1" applyBorder="1" applyAlignment="1">
      <alignment horizontal="center" vertical="center" wrapText="1" shrinkToFit="1"/>
    </xf>
    <xf numFmtId="0" fontId="8" fillId="0" borderId="2" xfId="0" applyNumberFormat="1" applyFont="1" applyBorder="1" applyAlignment="1">
      <alignment vertical="center" wrapText="1"/>
    </xf>
    <xf numFmtId="0" fontId="4" fillId="0" borderId="0" xfId="0" applyNumberFormat="1" applyFont="1" applyBorder="1" applyAlignment="1">
      <alignment vertical="center"/>
    </xf>
    <xf numFmtId="0" fontId="4" fillId="0" borderId="0" xfId="0" applyNumberFormat="1" applyFont="1" applyBorder="1" applyAlignment="1">
      <alignment horizontal="right" vertical="center"/>
    </xf>
    <xf numFmtId="49" fontId="4" fillId="0" borderId="0" xfId="3" applyNumberFormat="1" applyFont="1" applyFill="1" applyBorder="1" applyAlignment="1">
      <alignment horizontal="left" vertical="center"/>
    </xf>
    <xf numFmtId="0" fontId="8" fillId="0" borderId="0" xfId="0" applyFont="1">
      <alignment vertical="center"/>
    </xf>
    <xf numFmtId="0" fontId="8" fillId="0" borderId="0" xfId="0" applyNumberFormat="1" applyFont="1" applyBorder="1" applyAlignment="1">
      <alignment horizontal="right" vertical="center"/>
    </xf>
    <xf numFmtId="49" fontId="8" fillId="0" borderId="0" xfId="3" applyNumberFormat="1" applyFont="1" applyFill="1" applyBorder="1" applyAlignment="1">
      <alignment horizontal="left" vertical="center"/>
    </xf>
    <xf numFmtId="0" fontId="4" fillId="0" borderId="0" xfId="0" applyFont="1">
      <alignment vertical="center"/>
    </xf>
    <xf numFmtId="176" fontId="8" fillId="0" borderId="2" xfId="3" applyNumberFormat="1" applyFont="1" applyFill="1" applyBorder="1" applyAlignment="1">
      <alignment horizontal="center" vertical="center" shrinkToFit="1"/>
    </xf>
    <xf numFmtId="0" fontId="8" fillId="0" borderId="7" xfId="0" applyNumberFormat="1" applyFont="1" applyBorder="1" applyAlignment="1">
      <alignment vertical="center"/>
    </xf>
    <xf numFmtId="0" fontId="8" fillId="0" borderId="0" xfId="0" applyNumberFormat="1" applyFont="1" applyFill="1" applyBorder="1" applyAlignment="1">
      <alignment vertical="center"/>
    </xf>
    <xf numFmtId="177" fontId="9" fillId="0" borderId="12" xfId="0" quotePrefix="1" applyNumberFormat="1" applyFont="1" applyFill="1" applyBorder="1" applyAlignment="1" applyProtection="1">
      <alignment horizontal="center" vertical="center" shrinkToFit="1"/>
    </xf>
    <xf numFmtId="0" fontId="8" fillId="0" borderId="0" xfId="0" applyFont="1" applyBorder="1">
      <alignment vertical="center"/>
    </xf>
    <xf numFmtId="177" fontId="9" fillId="0" borderId="1" xfId="0" quotePrefix="1" applyNumberFormat="1" applyFont="1" applyFill="1" applyBorder="1" applyAlignment="1" applyProtection="1">
      <alignment horizontal="center" vertical="center" shrinkToFit="1"/>
    </xf>
    <xf numFmtId="0" fontId="8" fillId="0" borderId="0" xfId="0" applyNumberFormat="1" applyFont="1" applyFill="1" applyBorder="1" applyAlignment="1">
      <alignment horizontal="left" vertical="center" indent="1"/>
    </xf>
    <xf numFmtId="0" fontId="8" fillId="0" borderId="6" xfId="0" applyNumberFormat="1" applyFont="1" applyBorder="1" applyAlignment="1">
      <alignment vertical="center"/>
    </xf>
    <xf numFmtId="177" fontId="9" fillId="0" borderId="5" xfId="0" quotePrefix="1" applyNumberFormat="1" applyFont="1" applyFill="1" applyBorder="1" applyAlignment="1" applyProtection="1">
      <alignment horizontal="center" vertical="center" shrinkToFit="1"/>
    </xf>
    <xf numFmtId="0" fontId="8" fillId="0" borderId="6" xfId="0" applyFont="1" applyBorder="1">
      <alignment vertical="center"/>
    </xf>
    <xf numFmtId="0" fontId="8" fillId="0" borderId="11" xfId="0" applyFont="1" applyBorder="1">
      <alignment vertical="center"/>
    </xf>
    <xf numFmtId="176" fontId="9" fillId="0" borderId="11" xfId="3" applyNumberFormat="1" applyFont="1" applyFill="1" applyBorder="1" applyAlignment="1">
      <alignment horizontal="center" vertical="center" shrinkToFit="1"/>
    </xf>
    <xf numFmtId="176" fontId="8" fillId="0" borderId="11" xfId="3" applyNumberFormat="1" applyFont="1" applyFill="1" applyBorder="1" applyAlignment="1">
      <alignment horizontal="center" vertical="center" shrinkToFit="1"/>
    </xf>
    <xf numFmtId="38" fontId="8" fillId="0" borderId="11" xfId="8" applyFont="1" applyBorder="1" applyAlignment="1">
      <alignment horizontal="right" vertical="center"/>
    </xf>
    <xf numFmtId="176" fontId="9" fillId="0" borderId="0" xfId="3" applyNumberFormat="1" applyFont="1" applyFill="1" applyBorder="1" applyAlignment="1">
      <alignment horizontal="center" vertical="center" shrinkToFit="1"/>
    </xf>
    <xf numFmtId="176" fontId="8" fillId="0" borderId="0" xfId="3" applyNumberFormat="1" applyFont="1" applyFill="1" applyBorder="1" applyAlignment="1">
      <alignment horizontal="center" vertical="center" shrinkToFit="1"/>
    </xf>
    <xf numFmtId="0" fontId="8" fillId="0" borderId="0" xfId="0" applyFont="1" applyBorder="1" applyAlignment="1">
      <alignment horizontal="right" vertical="center"/>
    </xf>
    <xf numFmtId="176" fontId="8" fillId="0" borderId="1" xfId="3" applyNumberFormat="1" applyFont="1" applyFill="1" applyBorder="1" applyAlignment="1">
      <alignment horizontal="center" vertical="center" shrinkToFit="1"/>
    </xf>
    <xf numFmtId="0" fontId="8" fillId="0" borderId="0" xfId="0" applyFont="1" applyAlignment="1">
      <alignment horizontal="right" vertical="center"/>
    </xf>
    <xf numFmtId="0" fontId="9" fillId="0" borderId="4" xfId="0" applyNumberFormat="1" applyFont="1" applyBorder="1" applyAlignment="1">
      <alignment horizontal="center" vertical="center" wrapText="1"/>
    </xf>
    <xf numFmtId="0" fontId="8" fillId="0" borderId="10" xfId="0" applyNumberFormat="1" applyFont="1" applyBorder="1" applyAlignment="1">
      <alignment horizontal="center" vertical="center" wrapText="1"/>
    </xf>
    <xf numFmtId="0" fontId="8" fillId="0" borderId="9" xfId="0" applyNumberFormat="1" applyFont="1" applyBorder="1" applyAlignment="1">
      <alignment horizontal="center" vertical="center" wrapText="1"/>
    </xf>
    <xf numFmtId="0" fontId="8" fillId="0" borderId="3" xfId="0" applyNumberFormat="1" applyFont="1" applyBorder="1" applyAlignment="1">
      <alignment horizontal="center" vertical="center" wrapText="1"/>
    </xf>
    <xf numFmtId="0" fontId="8" fillId="0" borderId="4" xfId="0" applyNumberFormat="1" applyFont="1" applyBorder="1" applyAlignment="1">
      <alignment horizontal="center" vertical="center" wrapText="1"/>
    </xf>
    <xf numFmtId="0" fontId="8" fillId="0" borderId="3" xfId="0" applyNumberFormat="1" applyFont="1" applyFill="1" applyBorder="1" applyAlignment="1">
      <alignment horizontal="center" vertical="center" wrapText="1" shrinkToFit="1"/>
    </xf>
    <xf numFmtId="0" fontId="9" fillId="0" borderId="3" xfId="0" applyNumberFormat="1" applyFont="1" applyBorder="1" applyAlignment="1">
      <alignment horizontal="center" vertical="center" wrapText="1"/>
    </xf>
    <xf numFmtId="0" fontId="8" fillId="0" borderId="0" xfId="0" applyNumberFormat="1" applyFont="1" applyBorder="1" applyAlignment="1">
      <alignment horizontal="center" vertical="top"/>
    </xf>
    <xf numFmtId="0" fontId="8" fillId="0" borderId="6" xfId="0" applyNumberFormat="1" applyFont="1" applyBorder="1" applyAlignment="1">
      <alignment horizontal="center" vertical="top"/>
    </xf>
  </cellXfs>
  <cellStyles count="9">
    <cellStyle name="桁区切り" xfId="8" builtinId="6"/>
    <cellStyle name="標準" xfId="0" builtinId="0"/>
    <cellStyle name="標準 2" xfId="2"/>
    <cellStyle name="標準 2 2" xfId="6"/>
    <cellStyle name="標準 3" xfId="1"/>
    <cellStyle name="標準 4" xfId="3"/>
    <cellStyle name="標準 5" xfId="4"/>
    <cellStyle name="標準 5 2" xfId="7"/>
    <cellStyle name="標準 6" xfId="5"/>
  </cellStyles>
  <dxfs count="0"/>
  <tableStyles count="0" defaultTableStyle="TableStyleMedium9" defaultPivotStyle="PivotStyleLight16"/>
  <colors>
    <mruColors>
      <color rgb="FFFFE285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94"/>
  <sheetViews>
    <sheetView showGridLines="0" tabSelected="1" zoomScaleNormal="100" zoomScaleSheetLayoutView="100" workbookViewId="0">
      <selection activeCell="J9" sqref="J9"/>
    </sheetView>
  </sheetViews>
  <sheetFormatPr defaultColWidth="8.88671875" defaultRowHeight="11.4" customHeight="1" x14ac:dyDescent="0.2"/>
  <cols>
    <col min="1" max="1" width="10.21875" style="12" customWidth="1"/>
    <col min="2" max="2" width="2.44140625" style="33" customWidth="1"/>
    <col min="3" max="3" width="9.6640625" style="31" customWidth="1"/>
    <col min="4" max="10" width="9.6640625" style="12" customWidth="1"/>
    <col min="11" max="16384" width="8.88671875" style="12"/>
  </cols>
  <sheetData>
    <row r="1" spans="1:10" ht="11.4" customHeight="1" x14ac:dyDescent="0.2">
      <c r="A1" s="12" t="s">
        <v>61</v>
      </c>
      <c r="B1" s="13"/>
      <c r="C1" s="13"/>
      <c r="D1" s="14"/>
      <c r="E1" s="14"/>
    </row>
    <row r="2" spans="1:10" s="15" customFormat="1" ht="13.2" customHeight="1" x14ac:dyDescent="0.2">
      <c r="A2" s="9" t="s">
        <v>63</v>
      </c>
      <c r="B2" s="10"/>
      <c r="C2" s="10"/>
      <c r="D2" s="11"/>
      <c r="E2" s="11"/>
      <c r="J2" s="10"/>
    </row>
    <row r="3" spans="1:10" ht="11.4" customHeight="1" thickBot="1" x14ac:dyDescent="0.25">
      <c r="A3" s="2"/>
      <c r="B3" s="16"/>
      <c r="C3" s="16"/>
      <c r="D3" s="8"/>
      <c r="E3" s="8"/>
      <c r="F3" s="8"/>
      <c r="G3" s="8"/>
      <c r="H3" s="8"/>
      <c r="I3" s="8"/>
      <c r="J3" s="8"/>
    </row>
    <row r="4" spans="1:10" ht="11.4" customHeight="1" thickTop="1" x14ac:dyDescent="0.2">
      <c r="A4" s="17"/>
      <c r="B4" s="5"/>
      <c r="C4" s="36" t="s">
        <v>65</v>
      </c>
      <c r="D4" s="36"/>
      <c r="E4" s="36" t="s">
        <v>64</v>
      </c>
      <c r="F4" s="36"/>
      <c r="G4" s="36" t="s">
        <v>71</v>
      </c>
      <c r="H4" s="36"/>
      <c r="I4" s="36" t="s">
        <v>70</v>
      </c>
      <c r="J4" s="37"/>
    </row>
    <row r="5" spans="1:10" ht="11.4" customHeight="1" x14ac:dyDescent="0.2">
      <c r="A5" s="1"/>
      <c r="B5" s="6"/>
      <c r="C5" s="38"/>
      <c r="D5" s="38"/>
      <c r="E5" s="38"/>
      <c r="F5" s="38"/>
      <c r="G5" s="38"/>
      <c r="H5" s="38"/>
      <c r="I5" s="38"/>
      <c r="J5" s="39"/>
    </row>
    <row r="6" spans="1:10" ht="11.4" customHeight="1" x14ac:dyDescent="0.2">
      <c r="A6" s="42" t="s">
        <v>62</v>
      </c>
      <c r="B6" s="6"/>
      <c r="C6" s="38"/>
      <c r="D6" s="38"/>
      <c r="E6" s="38"/>
      <c r="F6" s="38"/>
      <c r="G6" s="38"/>
      <c r="H6" s="38"/>
      <c r="I6" s="38"/>
      <c r="J6" s="39"/>
    </row>
    <row r="7" spans="1:10" ht="11.4" customHeight="1" x14ac:dyDescent="0.2">
      <c r="A7" s="42"/>
      <c r="B7" s="6"/>
      <c r="C7" s="40" t="s">
        <v>67</v>
      </c>
      <c r="D7" s="41" t="s">
        <v>68</v>
      </c>
      <c r="E7" s="40" t="s">
        <v>67</v>
      </c>
      <c r="F7" s="41" t="s">
        <v>69</v>
      </c>
      <c r="G7" s="40" t="s">
        <v>67</v>
      </c>
      <c r="H7" s="41" t="s">
        <v>69</v>
      </c>
      <c r="I7" s="40" t="s">
        <v>67</v>
      </c>
      <c r="J7" s="35" t="s">
        <v>72</v>
      </c>
    </row>
    <row r="8" spans="1:10" ht="11.4" customHeight="1" x14ac:dyDescent="0.2">
      <c r="A8" s="43"/>
      <c r="B8" s="7"/>
      <c r="C8" s="40"/>
      <c r="D8" s="41"/>
      <c r="E8" s="40"/>
      <c r="F8" s="41"/>
      <c r="G8" s="40"/>
      <c r="H8" s="41"/>
      <c r="I8" s="40"/>
      <c r="J8" s="35"/>
    </row>
    <row r="9" spans="1:10" s="20" customFormat="1" ht="11.4" customHeight="1" x14ac:dyDescent="0.2">
      <c r="A9" s="18" t="s">
        <v>59</v>
      </c>
      <c r="B9" s="19">
        <v>1</v>
      </c>
      <c r="C9" s="3">
        <v>4583</v>
      </c>
      <c r="D9" s="3">
        <v>85393</v>
      </c>
      <c r="E9" s="3">
        <v>2263</v>
      </c>
      <c r="F9" s="3">
        <v>61891</v>
      </c>
      <c r="G9" s="3">
        <v>1181</v>
      </c>
      <c r="H9" s="3">
        <v>38592</v>
      </c>
      <c r="I9" s="3">
        <v>4082</v>
      </c>
      <c r="J9" s="3">
        <v>943432</v>
      </c>
    </row>
    <row r="10" spans="1:10" s="20" customFormat="1" ht="11.4" customHeight="1" x14ac:dyDescent="0.2">
      <c r="A10" s="18" t="s">
        <v>0</v>
      </c>
      <c r="B10" s="21">
        <v>2</v>
      </c>
      <c r="C10" s="3">
        <v>1036</v>
      </c>
      <c r="D10" s="3">
        <v>32765</v>
      </c>
      <c r="E10" s="3">
        <v>214</v>
      </c>
      <c r="F10" s="3">
        <v>5799</v>
      </c>
      <c r="G10" s="3">
        <v>182</v>
      </c>
      <c r="H10" s="3">
        <v>4916</v>
      </c>
      <c r="I10" s="3">
        <v>832</v>
      </c>
      <c r="J10" s="3">
        <v>207624</v>
      </c>
    </row>
    <row r="11" spans="1:10" s="20" customFormat="1" ht="11.4" customHeight="1" x14ac:dyDescent="0.2">
      <c r="A11" s="22" t="s">
        <v>66</v>
      </c>
      <c r="B11" s="21">
        <v>3</v>
      </c>
      <c r="C11" s="3">
        <v>14</v>
      </c>
      <c r="D11" s="3">
        <v>72</v>
      </c>
      <c r="E11" s="3">
        <v>3</v>
      </c>
      <c r="F11" s="3">
        <v>725</v>
      </c>
      <c r="G11" s="3">
        <v>1</v>
      </c>
      <c r="H11" s="3">
        <v>10</v>
      </c>
      <c r="I11" s="3">
        <v>13</v>
      </c>
      <c r="J11" s="3">
        <v>2408</v>
      </c>
    </row>
    <row r="12" spans="1:10" s="20" customFormat="1" ht="11.4" customHeight="1" x14ac:dyDescent="0.2">
      <c r="A12" s="22" t="s">
        <v>1</v>
      </c>
      <c r="B12" s="21">
        <v>4</v>
      </c>
      <c r="C12" s="3">
        <v>64</v>
      </c>
      <c r="D12" s="3">
        <v>12473</v>
      </c>
      <c r="E12" s="3">
        <v>8</v>
      </c>
      <c r="F12" s="3">
        <v>265</v>
      </c>
      <c r="G12" s="3">
        <v>9</v>
      </c>
      <c r="H12" s="3">
        <v>204</v>
      </c>
      <c r="I12" s="3">
        <v>35</v>
      </c>
      <c r="J12" s="3">
        <v>50043</v>
      </c>
    </row>
    <row r="13" spans="1:10" s="20" customFormat="1" ht="11.4" customHeight="1" x14ac:dyDescent="0.2">
      <c r="A13" s="22" t="s">
        <v>2</v>
      </c>
      <c r="B13" s="21">
        <v>5</v>
      </c>
      <c r="C13" s="3" t="s">
        <v>60</v>
      </c>
      <c r="D13" s="3" t="s">
        <v>60</v>
      </c>
      <c r="E13" s="3" t="s">
        <v>60</v>
      </c>
      <c r="F13" s="3" t="s">
        <v>60</v>
      </c>
      <c r="G13" s="3" t="s">
        <v>60</v>
      </c>
      <c r="H13" s="3" t="s">
        <v>60</v>
      </c>
      <c r="I13" s="3" t="s">
        <v>60</v>
      </c>
      <c r="J13" s="3" t="s">
        <v>60</v>
      </c>
    </row>
    <row r="14" spans="1:10" s="20" customFormat="1" ht="11.4" customHeight="1" x14ac:dyDescent="0.2">
      <c r="A14" s="22" t="s">
        <v>3</v>
      </c>
      <c r="B14" s="21">
        <v>6</v>
      </c>
      <c r="C14" s="3" t="s">
        <v>58</v>
      </c>
      <c r="D14" s="3" t="s">
        <v>58</v>
      </c>
      <c r="E14" s="3" t="s">
        <v>58</v>
      </c>
      <c r="F14" s="3" t="s">
        <v>58</v>
      </c>
      <c r="G14" s="3" t="s">
        <v>58</v>
      </c>
      <c r="H14" s="3" t="s">
        <v>58</v>
      </c>
      <c r="I14" s="3" t="s">
        <v>58</v>
      </c>
      <c r="J14" s="3" t="s">
        <v>58</v>
      </c>
    </row>
    <row r="15" spans="1:10" s="20" customFormat="1" ht="11.4" customHeight="1" x14ac:dyDescent="0.2">
      <c r="A15" s="22" t="s">
        <v>4</v>
      </c>
      <c r="B15" s="21">
        <v>7</v>
      </c>
      <c r="C15" s="3" t="s">
        <v>60</v>
      </c>
      <c r="D15" s="3" t="s">
        <v>60</v>
      </c>
      <c r="E15" s="3" t="s">
        <v>60</v>
      </c>
      <c r="F15" s="3" t="s">
        <v>60</v>
      </c>
      <c r="G15" s="3" t="s">
        <v>60</v>
      </c>
      <c r="H15" s="3" t="s">
        <v>60</v>
      </c>
      <c r="I15" s="3" t="s">
        <v>60</v>
      </c>
      <c r="J15" s="3" t="s">
        <v>60</v>
      </c>
    </row>
    <row r="16" spans="1:10" s="20" customFormat="1" ht="11.4" customHeight="1" x14ac:dyDescent="0.2">
      <c r="A16" s="22" t="s">
        <v>5</v>
      </c>
      <c r="B16" s="21">
        <v>8</v>
      </c>
      <c r="C16" s="3">
        <v>57</v>
      </c>
      <c r="D16" s="3">
        <v>333</v>
      </c>
      <c r="E16" s="3">
        <v>11</v>
      </c>
      <c r="F16" s="3">
        <v>193</v>
      </c>
      <c r="G16" s="3">
        <v>5</v>
      </c>
      <c r="H16" s="3">
        <v>155</v>
      </c>
      <c r="I16" s="3">
        <v>39</v>
      </c>
      <c r="J16" s="3">
        <v>8276</v>
      </c>
    </row>
    <row r="17" spans="1:10" s="20" customFormat="1" ht="11.4" customHeight="1" x14ac:dyDescent="0.2">
      <c r="A17" s="22" t="s">
        <v>6</v>
      </c>
      <c r="B17" s="21">
        <v>9</v>
      </c>
      <c r="C17" s="3">
        <v>7</v>
      </c>
      <c r="D17" s="3">
        <v>460</v>
      </c>
      <c r="E17" s="3">
        <v>1</v>
      </c>
      <c r="F17" s="3">
        <v>1</v>
      </c>
      <c r="G17" s="3">
        <v>1</v>
      </c>
      <c r="H17" s="3">
        <v>20</v>
      </c>
      <c r="I17" s="3">
        <v>9</v>
      </c>
      <c r="J17" s="3">
        <v>947</v>
      </c>
    </row>
    <row r="18" spans="1:10" s="20" customFormat="1" ht="11.4" customHeight="1" x14ac:dyDescent="0.2">
      <c r="A18" s="22" t="s">
        <v>7</v>
      </c>
      <c r="B18" s="21">
        <v>10</v>
      </c>
      <c r="C18" s="3">
        <v>24</v>
      </c>
      <c r="D18" s="3">
        <v>42</v>
      </c>
      <c r="E18" s="3">
        <v>4</v>
      </c>
      <c r="F18" s="3">
        <v>219</v>
      </c>
      <c r="G18" s="3">
        <v>2</v>
      </c>
      <c r="H18" s="3">
        <v>258</v>
      </c>
      <c r="I18" s="3">
        <v>19</v>
      </c>
      <c r="J18" s="3">
        <v>2103</v>
      </c>
    </row>
    <row r="19" spans="1:10" s="20" customFormat="1" ht="11.4" customHeight="1" x14ac:dyDescent="0.2">
      <c r="A19" s="22" t="s">
        <v>8</v>
      </c>
      <c r="B19" s="21">
        <v>11</v>
      </c>
      <c r="C19" s="3">
        <v>113</v>
      </c>
      <c r="D19" s="3">
        <v>403</v>
      </c>
      <c r="E19" s="3">
        <v>20</v>
      </c>
      <c r="F19" s="3">
        <v>723</v>
      </c>
      <c r="G19" s="3">
        <v>22</v>
      </c>
      <c r="H19" s="3">
        <v>471</v>
      </c>
      <c r="I19" s="3">
        <v>78</v>
      </c>
      <c r="J19" s="3">
        <v>14396</v>
      </c>
    </row>
    <row r="20" spans="1:10" s="20" customFormat="1" ht="11.4" customHeight="1" x14ac:dyDescent="0.2">
      <c r="A20" s="22" t="s">
        <v>9</v>
      </c>
      <c r="B20" s="21">
        <v>12</v>
      </c>
      <c r="C20" s="3">
        <v>100</v>
      </c>
      <c r="D20" s="3">
        <v>705</v>
      </c>
      <c r="E20" s="3">
        <v>15</v>
      </c>
      <c r="F20" s="3">
        <v>573</v>
      </c>
      <c r="G20" s="3">
        <v>13</v>
      </c>
      <c r="H20" s="3">
        <v>704</v>
      </c>
      <c r="I20" s="3">
        <v>73</v>
      </c>
      <c r="J20" s="3">
        <v>19173</v>
      </c>
    </row>
    <row r="21" spans="1:10" s="20" customFormat="1" ht="11.4" customHeight="1" x14ac:dyDescent="0.2">
      <c r="A21" s="22" t="s">
        <v>10</v>
      </c>
      <c r="B21" s="21">
        <v>13</v>
      </c>
      <c r="C21" s="3">
        <v>27</v>
      </c>
      <c r="D21" s="3">
        <v>111</v>
      </c>
      <c r="E21" s="3">
        <v>6</v>
      </c>
      <c r="F21" s="3">
        <v>79</v>
      </c>
      <c r="G21" s="3">
        <v>7</v>
      </c>
      <c r="H21" s="3">
        <v>151</v>
      </c>
      <c r="I21" s="3">
        <v>25</v>
      </c>
      <c r="J21" s="3">
        <v>2959</v>
      </c>
    </row>
    <row r="22" spans="1:10" s="20" customFormat="1" ht="11.4" customHeight="1" x14ac:dyDescent="0.2">
      <c r="A22" s="22" t="s">
        <v>11</v>
      </c>
      <c r="B22" s="21">
        <v>14</v>
      </c>
      <c r="C22" s="3">
        <v>57</v>
      </c>
      <c r="D22" s="3">
        <v>320</v>
      </c>
      <c r="E22" s="3">
        <v>16</v>
      </c>
      <c r="F22" s="3">
        <v>311</v>
      </c>
      <c r="G22" s="3">
        <v>8</v>
      </c>
      <c r="H22" s="3">
        <v>252</v>
      </c>
      <c r="I22" s="3">
        <v>57</v>
      </c>
      <c r="J22" s="3">
        <v>6510</v>
      </c>
    </row>
    <row r="23" spans="1:10" s="20" customFormat="1" ht="11.4" customHeight="1" x14ac:dyDescent="0.2">
      <c r="A23" s="22" t="s">
        <v>12</v>
      </c>
      <c r="B23" s="21">
        <v>15</v>
      </c>
      <c r="C23" s="3">
        <v>102</v>
      </c>
      <c r="D23" s="3">
        <v>570</v>
      </c>
      <c r="E23" s="3">
        <v>33</v>
      </c>
      <c r="F23" s="3">
        <v>715</v>
      </c>
      <c r="G23" s="3">
        <v>34</v>
      </c>
      <c r="H23" s="3">
        <v>697</v>
      </c>
      <c r="I23" s="3">
        <v>101</v>
      </c>
      <c r="J23" s="3">
        <v>20472</v>
      </c>
    </row>
    <row r="24" spans="1:10" s="20" customFormat="1" ht="11.4" customHeight="1" x14ac:dyDescent="0.2">
      <c r="A24" s="22" t="s">
        <v>13</v>
      </c>
      <c r="B24" s="21">
        <v>16</v>
      </c>
      <c r="C24" s="3">
        <v>85</v>
      </c>
      <c r="D24" s="3">
        <v>742</v>
      </c>
      <c r="E24" s="3">
        <v>16</v>
      </c>
      <c r="F24" s="3">
        <v>292</v>
      </c>
      <c r="G24" s="3">
        <v>13</v>
      </c>
      <c r="H24" s="3">
        <v>455</v>
      </c>
      <c r="I24" s="3">
        <v>60</v>
      </c>
      <c r="J24" s="3">
        <v>12026</v>
      </c>
    </row>
    <row r="25" spans="1:10" s="20" customFormat="1" ht="11.4" customHeight="1" x14ac:dyDescent="0.2">
      <c r="A25" s="22" t="s">
        <v>14</v>
      </c>
      <c r="B25" s="21">
        <v>17</v>
      </c>
      <c r="C25" s="3">
        <v>32</v>
      </c>
      <c r="D25" s="3">
        <v>114</v>
      </c>
      <c r="E25" s="3">
        <v>5</v>
      </c>
      <c r="F25" s="3">
        <v>54</v>
      </c>
      <c r="G25" s="3">
        <v>4</v>
      </c>
      <c r="H25" s="3">
        <v>105</v>
      </c>
      <c r="I25" s="3">
        <v>27</v>
      </c>
      <c r="J25" s="3">
        <v>8512</v>
      </c>
    </row>
    <row r="26" spans="1:10" s="20" customFormat="1" ht="11.4" customHeight="1" x14ac:dyDescent="0.2">
      <c r="A26" s="22" t="s">
        <v>15</v>
      </c>
      <c r="B26" s="21">
        <v>18</v>
      </c>
      <c r="C26" s="3">
        <v>137</v>
      </c>
      <c r="D26" s="3">
        <v>14972</v>
      </c>
      <c r="E26" s="3">
        <v>36</v>
      </c>
      <c r="F26" s="3">
        <v>1093</v>
      </c>
      <c r="G26" s="3">
        <v>20</v>
      </c>
      <c r="H26" s="3">
        <v>355</v>
      </c>
      <c r="I26" s="3">
        <v>121</v>
      </c>
      <c r="J26" s="3">
        <v>27610</v>
      </c>
    </row>
    <row r="27" spans="1:10" s="20" customFormat="1" ht="11.4" customHeight="1" x14ac:dyDescent="0.2">
      <c r="A27" s="22" t="s">
        <v>16</v>
      </c>
      <c r="B27" s="21">
        <v>19</v>
      </c>
      <c r="C27" s="3">
        <v>101</v>
      </c>
      <c r="D27" s="3">
        <v>471</v>
      </c>
      <c r="E27" s="3">
        <v>13</v>
      </c>
      <c r="F27" s="3">
        <v>174</v>
      </c>
      <c r="G27" s="3">
        <v>19</v>
      </c>
      <c r="H27" s="3">
        <v>555</v>
      </c>
      <c r="I27" s="3">
        <v>91</v>
      </c>
      <c r="J27" s="3">
        <v>18158</v>
      </c>
    </row>
    <row r="28" spans="1:10" s="20" customFormat="1" ht="11.4" customHeight="1" x14ac:dyDescent="0.2">
      <c r="A28" s="22" t="s">
        <v>17</v>
      </c>
      <c r="B28" s="21">
        <v>20</v>
      </c>
      <c r="C28" s="3">
        <v>111</v>
      </c>
      <c r="D28" s="3">
        <v>963</v>
      </c>
      <c r="E28" s="3">
        <v>27</v>
      </c>
      <c r="F28" s="3">
        <v>382</v>
      </c>
      <c r="G28" s="3">
        <v>24</v>
      </c>
      <c r="H28" s="3">
        <v>524</v>
      </c>
      <c r="I28" s="3">
        <v>78</v>
      </c>
      <c r="J28" s="3">
        <v>13639</v>
      </c>
    </row>
    <row r="29" spans="1:10" s="20" customFormat="1" ht="11.4" customHeight="1" x14ac:dyDescent="0.2">
      <c r="A29" s="18" t="s">
        <v>18</v>
      </c>
      <c r="B29" s="21">
        <v>21</v>
      </c>
      <c r="C29" s="3">
        <v>315</v>
      </c>
      <c r="D29" s="3">
        <v>3555</v>
      </c>
      <c r="E29" s="3">
        <v>27</v>
      </c>
      <c r="F29" s="3">
        <v>388</v>
      </c>
      <c r="G29" s="3">
        <v>26</v>
      </c>
      <c r="H29" s="3">
        <v>520</v>
      </c>
      <c r="I29" s="3">
        <v>354</v>
      </c>
      <c r="J29" s="3">
        <v>83517</v>
      </c>
    </row>
    <row r="30" spans="1:10" s="20" customFormat="1" ht="11.4" customHeight="1" x14ac:dyDescent="0.2">
      <c r="A30" s="22" t="s">
        <v>19</v>
      </c>
      <c r="B30" s="21">
        <v>22</v>
      </c>
      <c r="C30" s="3" t="s">
        <v>58</v>
      </c>
      <c r="D30" s="3" t="s">
        <v>58</v>
      </c>
      <c r="E30" s="3" t="s">
        <v>58</v>
      </c>
      <c r="F30" s="3" t="s">
        <v>58</v>
      </c>
      <c r="G30" s="3" t="s">
        <v>58</v>
      </c>
      <c r="H30" s="3" t="s">
        <v>58</v>
      </c>
      <c r="I30" s="3" t="s">
        <v>58</v>
      </c>
      <c r="J30" s="3" t="s">
        <v>58</v>
      </c>
    </row>
    <row r="31" spans="1:10" s="20" customFormat="1" ht="11.4" customHeight="1" x14ac:dyDescent="0.2">
      <c r="A31" s="22" t="s">
        <v>20</v>
      </c>
      <c r="B31" s="21">
        <v>23</v>
      </c>
      <c r="C31" s="3">
        <v>3</v>
      </c>
      <c r="D31" s="3">
        <v>12</v>
      </c>
      <c r="E31" s="3" t="s">
        <v>58</v>
      </c>
      <c r="F31" s="3" t="s">
        <v>58</v>
      </c>
      <c r="G31" s="3" t="s">
        <v>58</v>
      </c>
      <c r="H31" s="3" t="s">
        <v>58</v>
      </c>
      <c r="I31" s="3">
        <v>3</v>
      </c>
      <c r="J31" s="3">
        <v>1430</v>
      </c>
    </row>
    <row r="32" spans="1:10" s="20" customFormat="1" ht="11.4" customHeight="1" x14ac:dyDescent="0.2">
      <c r="A32" s="22" t="s">
        <v>21</v>
      </c>
      <c r="B32" s="21">
        <v>24</v>
      </c>
      <c r="C32" s="3">
        <v>20</v>
      </c>
      <c r="D32" s="3">
        <v>87</v>
      </c>
      <c r="E32" s="3">
        <v>2</v>
      </c>
      <c r="F32" s="3">
        <v>55</v>
      </c>
      <c r="G32" s="3">
        <v>1</v>
      </c>
      <c r="H32" s="3">
        <v>40</v>
      </c>
      <c r="I32" s="3">
        <v>24</v>
      </c>
      <c r="J32" s="3">
        <v>5292</v>
      </c>
    </row>
    <row r="33" spans="1:10" s="20" customFormat="1" ht="11.4" customHeight="1" x14ac:dyDescent="0.2">
      <c r="A33" s="22" t="s">
        <v>22</v>
      </c>
      <c r="B33" s="21">
        <v>25</v>
      </c>
      <c r="C33" s="3">
        <v>55</v>
      </c>
      <c r="D33" s="3">
        <v>2156</v>
      </c>
      <c r="E33" s="3">
        <v>5</v>
      </c>
      <c r="F33" s="3">
        <v>44</v>
      </c>
      <c r="G33" s="3">
        <v>3</v>
      </c>
      <c r="H33" s="3">
        <v>43</v>
      </c>
      <c r="I33" s="3">
        <v>63</v>
      </c>
      <c r="J33" s="3">
        <v>16318</v>
      </c>
    </row>
    <row r="34" spans="1:10" s="20" customFormat="1" ht="11.4" customHeight="1" x14ac:dyDescent="0.2">
      <c r="A34" s="22" t="s">
        <v>23</v>
      </c>
      <c r="B34" s="21">
        <v>26</v>
      </c>
      <c r="C34" s="3">
        <v>72</v>
      </c>
      <c r="D34" s="3">
        <v>466</v>
      </c>
      <c r="E34" s="3">
        <v>5</v>
      </c>
      <c r="F34" s="3">
        <v>37</v>
      </c>
      <c r="G34" s="3">
        <v>6</v>
      </c>
      <c r="H34" s="3">
        <v>134</v>
      </c>
      <c r="I34" s="3">
        <v>86</v>
      </c>
      <c r="J34" s="3">
        <v>17342</v>
      </c>
    </row>
    <row r="35" spans="1:10" s="20" customFormat="1" ht="11.4" customHeight="1" x14ac:dyDescent="0.2">
      <c r="A35" s="22" t="s">
        <v>24</v>
      </c>
      <c r="B35" s="21">
        <v>27</v>
      </c>
      <c r="C35" s="3">
        <v>83</v>
      </c>
      <c r="D35" s="3">
        <v>504</v>
      </c>
      <c r="E35" s="3">
        <v>5</v>
      </c>
      <c r="F35" s="3">
        <v>44</v>
      </c>
      <c r="G35" s="3">
        <v>6</v>
      </c>
      <c r="H35" s="3">
        <v>122</v>
      </c>
      <c r="I35" s="3">
        <v>84</v>
      </c>
      <c r="J35" s="3">
        <v>17602</v>
      </c>
    </row>
    <row r="36" spans="1:10" s="20" customFormat="1" ht="11.4" customHeight="1" x14ac:dyDescent="0.2">
      <c r="A36" s="22" t="s">
        <v>25</v>
      </c>
      <c r="B36" s="21">
        <v>28</v>
      </c>
      <c r="C36" s="3">
        <v>82</v>
      </c>
      <c r="D36" s="3">
        <v>330</v>
      </c>
      <c r="E36" s="3">
        <v>10</v>
      </c>
      <c r="F36" s="3">
        <v>208</v>
      </c>
      <c r="G36" s="3">
        <v>10</v>
      </c>
      <c r="H36" s="3">
        <v>181</v>
      </c>
      <c r="I36" s="3">
        <v>94</v>
      </c>
      <c r="J36" s="3">
        <v>25533</v>
      </c>
    </row>
    <row r="37" spans="1:10" s="20" customFormat="1" ht="11.4" customHeight="1" x14ac:dyDescent="0.2">
      <c r="A37" s="18" t="s">
        <v>26</v>
      </c>
      <c r="B37" s="21">
        <v>29</v>
      </c>
      <c r="C37" s="3">
        <v>207</v>
      </c>
      <c r="D37" s="3">
        <v>1644</v>
      </c>
      <c r="E37" s="3">
        <v>75</v>
      </c>
      <c r="F37" s="3">
        <v>1867</v>
      </c>
      <c r="G37" s="3">
        <v>42</v>
      </c>
      <c r="H37" s="3">
        <v>1070</v>
      </c>
      <c r="I37" s="3">
        <v>146</v>
      </c>
      <c r="J37" s="3">
        <v>33732</v>
      </c>
    </row>
    <row r="38" spans="1:10" s="20" customFormat="1" ht="11.4" customHeight="1" x14ac:dyDescent="0.2">
      <c r="A38" s="22" t="s">
        <v>12</v>
      </c>
      <c r="B38" s="21">
        <v>30</v>
      </c>
      <c r="C38" s="3">
        <v>91</v>
      </c>
      <c r="D38" s="3">
        <v>536</v>
      </c>
      <c r="E38" s="3">
        <v>45</v>
      </c>
      <c r="F38" s="3">
        <v>1172</v>
      </c>
      <c r="G38" s="3">
        <v>22</v>
      </c>
      <c r="H38" s="3">
        <v>615</v>
      </c>
      <c r="I38" s="3">
        <v>59</v>
      </c>
      <c r="J38" s="3">
        <v>7047</v>
      </c>
    </row>
    <row r="39" spans="1:10" s="20" customFormat="1" ht="11.4" customHeight="1" x14ac:dyDescent="0.2">
      <c r="A39" s="22" t="s">
        <v>27</v>
      </c>
      <c r="B39" s="21">
        <v>31</v>
      </c>
      <c r="C39" s="3">
        <v>41</v>
      </c>
      <c r="D39" s="3">
        <v>304</v>
      </c>
      <c r="E39" s="3">
        <v>10</v>
      </c>
      <c r="F39" s="3">
        <v>135</v>
      </c>
      <c r="G39" s="3">
        <v>11</v>
      </c>
      <c r="H39" s="3">
        <v>194</v>
      </c>
      <c r="I39" s="3">
        <v>33</v>
      </c>
      <c r="J39" s="3">
        <v>3603</v>
      </c>
    </row>
    <row r="40" spans="1:10" s="20" customFormat="1" ht="11.4" customHeight="1" x14ac:dyDescent="0.2">
      <c r="A40" s="22" t="s">
        <v>4</v>
      </c>
      <c r="B40" s="21">
        <v>32</v>
      </c>
      <c r="C40" s="3">
        <v>75</v>
      </c>
      <c r="D40" s="3">
        <v>804</v>
      </c>
      <c r="E40" s="3">
        <v>20</v>
      </c>
      <c r="F40" s="3">
        <v>560</v>
      </c>
      <c r="G40" s="3">
        <v>9</v>
      </c>
      <c r="H40" s="3">
        <v>261</v>
      </c>
      <c r="I40" s="3">
        <v>54</v>
      </c>
      <c r="J40" s="3">
        <v>23082</v>
      </c>
    </row>
    <row r="41" spans="1:10" s="20" customFormat="1" ht="11.4" customHeight="1" x14ac:dyDescent="0.2">
      <c r="A41" s="1" t="s">
        <v>28</v>
      </c>
      <c r="B41" s="21">
        <v>33</v>
      </c>
      <c r="C41" s="3">
        <v>190</v>
      </c>
      <c r="D41" s="3">
        <v>1907</v>
      </c>
      <c r="E41" s="3">
        <v>68</v>
      </c>
      <c r="F41" s="3">
        <v>1233</v>
      </c>
      <c r="G41" s="3">
        <v>30</v>
      </c>
      <c r="H41" s="3">
        <v>892</v>
      </c>
      <c r="I41" s="3">
        <v>187</v>
      </c>
      <c r="J41" s="3">
        <v>54116</v>
      </c>
    </row>
    <row r="42" spans="1:10" s="20" customFormat="1" ht="11.4" customHeight="1" x14ac:dyDescent="0.2">
      <c r="A42" s="1" t="s">
        <v>29</v>
      </c>
      <c r="B42" s="21">
        <v>34</v>
      </c>
      <c r="C42" s="3">
        <v>263</v>
      </c>
      <c r="D42" s="3">
        <v>10209</v>
      </c>
      <c r="E42" s="3">
        <v>147</v>
      </c>
      <c r="F42" s="3">
        <v>3664</v>
      </c>
      <c r="G42" s="3">
        <v>97</v>
      </c>
      <c r="H42" s="3">
        <v>3573</v>
      </c>
      <c r="I42" s="3">
        <v>220</v>
      </c>
      <c r="J42" s="3">
        <v>27950</v>
      </c>
    </row>
    <row r="43" spans="1:10" s="20" customFormat="1" ht="11.4" customHeight="1" x14ac:dyDescent="0.2">
      <c r="A43" s="1" t="s">
        <v>30</v>
      </c>
      <c r="B43" s="21">
        <v>35</v>
      </c>
      <c r="C43" s="3">
        <v>39</v>
      </c>
      <c r="D43" s="3">
        <v>151</v>
      </c>
      <c r="E43" s="3">
        <v>6</v>
      </c>
      <c r="F43" s="3">
        <v>105</v>
      </c>
      <c r="G43" s="3">
        <v>5</v>
      </c>
      <c r="H43" s="3">
        <v>86</v>
      </c>
      <c r="I43" s="3">
        <v>32</v>
      </c>
      <c r="J43" s="3">
        <v>13795</v>
      </c>
    </row>
    <row r="44" spans="1:10" s="20" customFormat="1" ht="11.4" customHeight="1" x14ac:dyDescent="0.2">
      <c r="A44" s="1" t="s">
        <v>31</v>
      </c>
      <c r="B44" s="21">
        <v>36</v>
      </c>
      <c r="C44" s="3">
        <v>299</v>
      </c>
      <c r="D44" s="3">
        <v>5701</v>
      </c>
      <c r="E44" s="3">
        <v>90</v>
      </c>
      <c r="F44" s="3">
        <v>1919</v>
      </c>
      <c r="G44" s="3">
        <v>59</v>
      </c>
      <c r="H44" s="3">
        <v>1942</v>
      </c>
      <c r="I44" s="3">
        <v>229</v>
      </c>
      <c r="J44" s="3">
        <v>70599</v>
      </c>
    </row>
    <row r="45" spans="1:10" s="20" customFormat="1" ht="11.4" customHeight="1" x14ac:dyDescent="0.2">
      <c r="A45" s="1" t="s">
        <v>32</v>
      </c>
      <c r="B45" s="21">
        <v>37</v>
      </c>
      <c r="C45" s="3">
        <v>242</v>
      </c>
      <c r="D45" s="3">
        <v>2139</v>
      </c>
      <c r="E45" s="3">
        <v>375</v>
      </c>
      <c r="F45" s="3">
        <v>12472</v>
      </c>
      <c r="G45" s="3">
        <v>133</v>
      </c>
      <c r="H45" s="3">
        <v>4783</v>
      </c>
      <c r="I45" s="3">
        <v>343</v>
      </c>
      <c r="J45" s="3">
        <v>43646</v>
      </c>
    </row>
    <row r="46" spans="1:10" s="20" customFormat="1" ht="11.4" customHeight="1" x14ac:dyDescent="0.2">
      <c r="A46" s="1" t="s">
        <v>33</v>
      </c>
      <c r="B46" s="21">
        <v>38</v>
      </c>
      <c r="C46" s="3">
        <v>135</v>
      </c>
      <c r="D46" s="3">
        <v>1236</v>
      </c>
      <c r="E46" s="3">
        <v>47</v>
      </c>
      <c r="F46" s="3">
        <v>888</v>
      </c>
      <c r="G46" s="3">
        <v>32</v>
      </c>
      <c r="H46" s="3">
        <v>909</v>
      </c>
      <c r="I46" s="3">
        <v>111</v>
      </c>
      <c r="J46" s="3">
        <v>16791</v>
      </c>
    </row>
    <row r="47" spans="1:10" s="20" customFormat="1" ht="11.4" customHeight="1" x14ac:dyDescent="0.2">
      <c r="A47" s="1" t="s">
        <v>34</v>
      </c>
      <c r="B47" s="21">
        <v>39</v>
      </c>
      <c r="C47" s="3" t="s">
        <v>60</v>
      </c>
      <c r="D47" s="3" t="s">
        <v>60</v>
      </c>
      <c r="E47" s="3" t="s">
        <v>60</v>
      </c>
      <c r="F47" s="3" t="s">
        <v>60</v>
      </c>
      <c r="G47" s="3" t="s">
        <v>60</v>
      </c>
      <c r="H47" s="3" t="s">
        <v>60</v>
      </c>
      <c r="I47" s="3" t="s">
        <v>60</v>
      </c>
      <c r="J47" s="3" t="s">
        <v>60</v>
      </c>
    </row>
    <row r="48" spans="1:10" s="20" customFormat="1" ht="11.4" customHeight="1" x14ac:dyDescent="0.2">
      <c r="A48" s="1" t="s">
        <v>35</v>
      </c>
      <c r="B48" s="21">
        <v>40</v>
      </c>
      <c r="C48" s="3">
        <v>333</v>
      </c>
      <c r="D48" s="3">
        <v>6310</v>
      </c>
      <c r="E48" s="3">
        <v>67</v>
      </c>
      <c r="F48" s="3">
        <v>912</v>
      </c>
      <c r="G48" s="3">
        <v>35</v>
      </c>
      <c r="H48" s="3">
        <v>1151</v>
      </c>
      <c r="I48" s="3">
        <v>133</v>
      </c>
      <c r="J48" s="3">
        <v>25752</v>
      </c>
    </row>
    <row r="49" spans="1:10" s="20" customFormat="1" ht="11.4" customHeight="1" x14ac:dyDescent="0.2">
      <c r="A49" s="1" t="s">
        <v>36</v>
      </c>
      <c r="B49" s="21">
        <v>41</v>
      </c>
      <c r="C49" s="3">
        <v>228</v>
      </c>
      <c r="D49" s="3">
        <v>2356</v>
      </c>
      <c r="E49" s="3">
        <v>149</v>
      </c>
      <c r="F49" s="3">
        <v>3878</v>
      </c>
      <c r="G49" s="3">
        <v>55</v>
      </c>
      <c r="H49" s="3">
        <v>1327</v>
      </c>
      <c r="I49" s="3">
        <v>165</v>
      </c>
      <c r="J49" s="3">
        <v>28308</v>
      </c>
    </row>
    <row r="50" spans="1:10" s="20" customFormat="1" ht="11.4" customHeight="1" x14ac:dyDescent="0.2">
      <c r="A50" s="1" t="s">
        <v>37</v>
      </c>
      <c r="B50" s="21">
        <v>42</v>
      </c>
      <c r="C50" s="3">
        <v>279</v>
      </c>
      <c r="D50" s="3">
        <v>6510</v>
      </c>
      <c r="E50" s="3">
        <v>115</v>
      </c>
      <c r="F50" s="3">
        <v>2076</v>
      </c>
      <c r="G50" s="3">
        <v>106</v>
      </c>
      <c r="H50" s="3">
        <v>3359</v>
      </c>
      <c r="I50" s="3">
        <v>262</v>
      </c>
      <c r="J50" s="3">
        <v>41962</v>
      </c>
    </row>
    <row r="51" spans="1:10" s="20" customFormat="1" ht="11.4" customHeight="1" x14ac:dyDescent="0.2">
      <c r="A51" s="1" t="s">
        <v>38</v>
      </c>
      <c r="B51" s="21">
        <v>43</v>
      </c>
      <c r="C51" s="3">
        <v>70</v>
      </c>
      <c r="D51" s="3">
        <v>617</v>
      </c>
      <c r="E51" s="3">
        <v>13</v>
      </c>
      <c r="F51" s="3">
        <v>2776</v>
      </c>
      <c r="G51" s="3">
        <v>13</v>
      </c>
      <c r="H51" s="3">
        <v>2308</v>
      </c>
      <c r="I51" s="3">
        <v>59</v>
      </c>
      <c r="J51" s="3">
        <v>7304</v>
      </c>
    </row>
    <row r="52" spans="1:10" s="20" customFormat="1" ht="11.4" customHeight="1" x14ac:dyDescent="0.2">
      <c r="A52" s="1" t="s">
        <v>39</v>
      </c>
      <c r="B52" s="21">
        <v>44</v>
      </c>
      <c r="C52" s="3">
        <v>171</v>
      </c>
      <c r="D52" s="3">
        <v>4664</v>
      </c>
      <c r="E52" s="3">
        <v>121</v>
      </c>
      <c r="F52" s="3">
        <v>2733</v>
      </c>
      <c r="G52" s="3">
        <v>80</v>
      </c>
      <c r="H52" s="3">
        <v>2661</v>
      </c>
      <c r="I52" s="3">
        <v>192</v>
      </c>
      <c r="J52" s="3">
        <v>35764</v>
      </c>
    </row>
    <row r="53" spans="1:10" s="20" customFormat="1" ht="11.4" customHeight="1" x14ac:dyDescent="0.2">
      <c r="A53" s="1" t="s">
        <v>40</v>
      </c>
      <c r="B53" s="21">
        <v>45</v>
      </c>
      <c r="C53" s="3">
        <v>103</v>
      </c>
      <c r="D53" s="3">
        <v>593</v>
      </c>
      <c r="E53" s="3">
        <v>30</v>
      </c>
      <c r="F53" s="3">
        <v>799</v>
      </c>
      <c r="G53" s="3">
        <v>22</v>
      </c>
      <c r="H53" s="3">
        <v>718</v>
      </c>
      <c r="I53" s="3">
        <v>103</v>
      </c>
      <c r="J53" s="3">
        <v>16401</v>
      </c>
    </row>
    <row r="54" spans="1:10" s="20" customFormat="1" ht="11.4" customHeight="1" x14ac:dyDescent="0.2">
      <c r="A54" s="1" t="s">
        <v>41</v>
      </c>
      <c r="B54" s="21">
        <v>46</v>
      </c>
      <c r="C54" s="3">
        <v>46</v>
      </c>
      <c r="D54" s="3">
        <v>709</v>
      </c>
      <c r="E54" s="3">
        <v>12</v>
      </c>
      <c r="F54" s="3">
        <v>130</v>
      </c>
      <c r="G54" s="3">
        <v>11</v>
      </c>
      <c r="H54" s="3">
        <v>241</v>
      </c>
      <c r="I54" s="3">
        <v>36</v>
      </c>
      <c r="J54" s="3">
        <v>4112</v>
      </c>
    </row>
    <row r="55" spans="1:10" s="20" customFormat="1" ht="11.4" customHeight="1" x14ac:dyDescent="0.2">
      <c r="A55" s="1" t="s">
        <v>42</v>
      </c>
      <c r="B55" s="21">
        <v>47</v>
      </c>
      <c r="C55" s="3">
        <v>88</v>
      </c>
      <c r="D55" s="3">
        <v>286</v>
      </c>
      <c r="E55" s="3">
        <v>190</v>
      </c>
      <c r="F55" s="3">
        <v>5248</v>
      </c>
      <c r="G55" s="3">
        <v>55</v>
      </c>
      <c r="H55" s="3">
        <v>1574</v>
      </c>
      <c r="I55" s="3">
        <v>119</v>
      </c>
      <c r="J55" s="3">
        <v>5388</v>
      </c>
    </row>
    <row r="56" spans="1:10" s="20" customFormat="1" ht="11.4" customHeight="1" x14ac:dyDescent="0.2">
      <c r="A56" s="1" t="s">
        <v>43</v>
      </c>
      <c r="B56" s="21">
        <v>48</v>
      </c>
      <c r="C56" s="3">
        <v>77</v>
      </c>
      <c r="D56" s="3">
        <v>540</v>
      </c>
      <c r="E56" s="3">
        <v>22</v>
      </c>
      <c r="F56" s="3">
        <v>1031</v>
      </c>
      <c r="G56" s="3">
        <v>17</v>
      </c>
      <c r="H56" s="3">
        <v>1233</v>
      </c>
      <c r="I56" s="3">
        <v>64</v>
      </c>
      <c r="J56" s="3">
        <v>17663</v>
      </c>
    </row>
    <row r="57" spans="1:10" s="20" customFormat="1" ht="11.4" customHeight="1" x14ac:dyDescent="0.2">
      <c r="A57" s="1" t="s">
        <v>44</v>
      </c>
      <c r="B57" s="21">
        <v>49</v>
      </c>
      <c r="C57" s="3">
        <v>9</v>
      </c>
      <c r="D57" s="3">
        <v>617</v>
      </c>
      <c r="E57" s="3">
        <v>7</v>
      </c>
      <c r="F57" s="3">
        <v>78</v>
      </c>
      <c r="G57" s="3">
        <v>3</v>
      </c>
      <c r="H57" s="3">
        <v>49</v>
      </c>
      <c r="I57" s="3">
        <v>8</v>
      </c>
      <c r="J57" s="3">
        <v>2230</v>
      </c>
    </row>
    <row r="58" spans="1:10" s="20" customFormat="1" ht="11.4" customHeight="1" x14ac:dyDescent="0.2">
      <c r="A58" s="1" t="s">
        <v>45</v>
      </c>
      <c r="B58" s="21">
        <v>50</v>
      </c>
      <c r="C58" s="3">
        <v>71</v>
      </c>
      <c r="D58" s="3">
        <v>427</v>
      </c>
      <c r="E58" s="3">
        <v>40</v>
      </c>
      <c r="F58" s="3">
        <v>800</v>
      </c>
      <c r="G58" s="3">
        <v>14</v>
      </c>
      <c r="H58" s="3">
        <v>250</v>
      </c>
      <c r="I58" s="3">
        <v>51</v>
      </c>
      <c r="J58" s="3">
        <v>13238</v>
      </c>
    </row>
    <row r="59" spans="1:10" s="20" customFormat="1" ht="11.4" customHeight="1" x14ac:dyDescent="0.2">
      <c r="A59" s="1" t="s">
        <v>46</v>
      </c>
      <c r="B59" s="21">
        <v>51</v>
      </c>
      <c r="C59" s="3">
        <v>32</v>
      </c>
      <c r="D59" s="3">
        <v>422</v>
      </c>
      <c r="E59" s="3">
        <v>51</v>
      </c>
      <c r="F59" s="3">
        <v>1478</v>
      </c>
      <c r="G59" s="3">
        <v>20</v>
      </c>
      <c r="H59" s="3">
        <v>486</v>
      </c>
      <c r="I59" s="3">
        <v>34</v>
      </c>
      <c r="J59" s="3">
        <v>4548</v>
      </c>
    </row>
    <row r="60" spans="1:10" s="20" customFormat="1" ht="11.4" customHeight="1" x14ac:dyDescent="0.2">
      <c r="A60" s="1" t="s">
        <v>47</v>
      </c>
      <c r="B60" s="21">
        <v>52</v>
      </c>
      <c r="C60" s="3">
        <v>24</v>
      </c>
      <c r="D60" s="3">
        <v>187</v>
      </c>
      <c r="E60" s="3">
        <v>21</v>
      </c>
      <c r="F60" s="3">
        <v>516</v>
      </c>
      <c r="G60" s="3">
        <v>9</v>
      </c>
      <c r="H60" s="3">
        <v>177</v>
      </c>
      <c r="I60" s="3">
        <v>29</v>
      </c>
      <c r="J60" s="3">
        <v>1859</v>
      </c>
    </row>
    <row r="61" spans="1:10" s="20" customFormat="1" ht="11.4" customHeight="1" x14ac:dyDescent="0.2">
      <c r="A61" s="1" t="s">
        <v>48</v>
      </c>
      <c r="B61" s="21">
        <v>53</v>
      </c>
      <c r="C61" s="3">
        <v>89</v>
      </c>
      <c r="D61" s="3">
        <v>627</v>
      </c>
      <c r="E61" s="3">
        <v>112</v>
      </c>
      <c r="F61" s="3">
        <v>2985</v>
      </c>
      <c r="G61" s="3">
        <v>41</v>
      </c>
      <c r="H61" s="3">
        <v>1242</v>
      </c>
      <c r="I61" s="3">
        <v>66</v>
      </c>
      <c r="J61" s="3">
        <v>4200</v>
      </c>
    </row>
    <row r="62" spans="1:10" s="20" customFormat="1" ht="11.4" customHeight="1" x14ac:dyDescent="0.2">
      <c r="A62" s="1" t="s">
        <v>49</v>
      </c>
      <c r="B62" s="21">
        <v>54</v>
      </c>
      <c r="C62" s="3">
        <v>42</v>
      </c>
      <c r="D62" s="3">
        <v>166</v>
      </c>
      <c r="E62" s="3">
        <v>61</v>
      </c>
      <c r="F62" s="3">
        <v>1644</v>
      </c>
      <c r="G62" s="3">
        <v>30</v>
      </c>
      <c r="H62" s="3">
        <v>808</v>
      </c>
      <c r="I62" s="3">
        <v>68</v>
      </c>
      <c r="J62" s="3">
        <v>10360</v>
      </c>
    </row>
    <row r="63" spans="1:10" s="20" customFormat="1" ht="11.4" customHeight="1" x14ac:dyDescent="0.2">
      <c r="A63" s="1" t="s">
        <v>50</v>
      </c>
      <c r="B63" s="21">
        <v>55</v>
      </c>
      <c r="C63" s="3">
        <v>16</v>
      </c>
      <c r="D63" s="3">
        <v>146</v>
      </c>
      <c r="E63" s="3">
        <v>27</v>
      </c>
      <c r="F63" s="3">
        <v>541</v>
      </c>
      <c r="G63" s="3">
        <v>16</v>
      </c>
      <c r="H63" s="3">
        <v>426</v>
      </c>
      <c r="I63" s="3">
        <v>28</v>
      </c>
      <c r="J63" s="3">
        <v>2522</v>
      </c>
    </row>
    <row r="64" spans="1:10" s="20" customFormat="1" ht="11.4" customHeight="1" x14ac:dyDescent="0.2">
      <c r="A64" s="1" t="s">
        <v>51</v>
      </c>
      <c r="B64" s="21">
        <v>56</v>
      </c>
      <c r="C64" s="3">
        <v>47</v>
      </c>
      <c r="D64" s="3">
        <v>133</v>
      </c>
      <c r="E64" s="3">
        <v>63</v>
      </c>
      <c r="F64" s="3">
        <v>2194</v>
      </c>
      <c r="G64" s="3">
        <v>12</v>
      </c>
      <c r="H64" s="3">
        <v>331</v>
      </c>
      <c r="I64" s="3">
        <v>53</v>
      </c>
      <c r="J64" s="3">
        <v>82073</v>
      </c>
    </row>
    <row r="65" spans="1:10" s="20" customFormat="1" ht="11.4" customHeight="1" x14ac:dyDescent="0.2">
      <c r="A65" s="1" t="s">
        <v>52</v>
      </c>
      <c r="B65" s="21">
        <v>57</v>
      </c>
      <c r="C65" s="3">
        <v>43</v>
      </c>
      <c r="D65" s="3">
        <v>97</v>
      </c>
      <c r="E65" s="3">
        <v>13</v>
      </c>
      <c r="F65" s="3">
        <v>239</v>
      </c>
      <c r="G65" s="3">
        <v>7</v>
      </c>
      <c r="H65" s="3">
        <v>257</v>
      </c>
      <c r="I65" s="3">
        <v>40</v>
      </c>
      <c r="J65" s="3">
        <v>1651</v>
      </c>
    </row>
    <row r="66" spans="1:10" s="20" customFormat="1" ht="11.4" customHeight="1" x14ac:dyDescent="0.2">
      <c r="A66" s="1" t="s">
        <v>53</v>
      </c>
      <c r="B66" s="21">
        <v>58</v>
      </c>
      <c r="C66" s="3" t="s">
        <v>60</v>
      </c>
      <c r="D66" s="3" t="s">
        <v>60</v>
      </c>
      <c r="E66" s="3" t="s">
        <v>60</v>
      </c>
      <c r="F66" s="3" t="s">
        <v>60</v>
      </c>
      <c r="G66" s="3" t="s">
        <v>60</v>
      </c>
      <c r="H66" s="3" t="s">
        <v>60</v>
      </c>
      <c r="I66" s="3" t="s">
        <v>60</v>
      </c>
      <c r="J66" s="3" t="s">
        <v>60</v>
      </c>
    </row>
    <row r="67" spans="1:10" s="20" customFormat="1" ht="11.4" customHeight="1" x14ac:dyDescent="0.2">
      <c r="A67" s="1" t="s">
        <v>54</v>
      </c>
      <c r="B67" s="21">
        <v>59</v>
      </c>
      <c r="C67" s="3">
        <v>7</v>
      </c>
      <c r="D67" s="3">
        <v>10</v>
      </c>
      <c r="E67" s="3">
        <v>20</v>
      </c>
      <c r="F67" s="3">
        <v>699</v>
      </c>
      <c r="G67" s="3">
        <v>5</v>
      </c>
      <c r="H67" s="3">
        <v>399</v>
      </c>
      <c r="I67" s="3">
        <v>14</v>
      </c>
      <c r="J67" s="3">
        <v>8723</v>
      </c>
    </row>
    <row r="68" spans="1:10" s="20" customFormat="1" ht="11.4" customHeight="1" x14ac:dyDescent="0.2">
      <c r="A68" s="1" t="s">
        <v>55</v>
      </c>
      <c r="B68" s="21">
        <v>60</v>
      </c>
      <c r="C68" s="3">
        <v>39</v>
      </c>
      <c r="D68" s="3">
        <v>128</v>
      </c>
      <c r="E68" s="3">
        <v>63</v>
      </c>
      <c r="F68" s="3">
        <v>2482</v>
      </c>
      <c r="G68" s="3">
        <v>16</v>
      </c>
      <c r="H68" s="3">
        <v>664</v>
      </c>
      <c r="I68" s="3">
        <v>70</v>
      </c>
      <c r="J68" s="3">
        <v>74672</v>
      </c>
    </row>
    <row r="69" spans="1:10" s="20" customFormat="1" ht="11.4" customHeight="1" x14ac:dyDescent="0.2">
      <c r="A69" s="1" t="s">
        <v>56</v>
      </c>
      <c r="B69" s="21">
        <v>61</v>
      </c>
      <c r="C69" s="3">
        <v>36</v>
      </c>
      <c r="D69" s="3">
        <v>530</v>
      </c>
      <c r="E69" s="3">
        <v>10</v>
      </c>
      <c r="F69" s="3">
        <v>159</v>
      </c>
      <c r="G69" s="3">
        <v>7</v>
      </c>
      <c r="H69" s="3">
        <v>220</v>
      </c>
      <c r="I69" s="3">
        <v>28</v>
      </c>
      <c r="J69" s="3">
        <v>2508</v>
      </c>
    </row>
    <row r="70" spans="1:10" s="25" customFormat="1" ht="11.4" customHeight="1" x14ac:dyDescent="0.2">
      <c r="A70" s="23" t="s">
        <v>57</v>
      </c>
      <c r="B70" s="24">
        <v>62</v>
      </c>
      <c r="C70" s="4">
        <v>7</v>
      </c>
      <c r="D70" s="4">
        <v>11</v>
      </c>
      <c r="E70" s="4">
        <v>6</v>
      </c>
      <c r="F70" s="4">
        <v>138</v>
      </c>
      <c r="G70" s="4">
        <v>1</v>
      </c>
      <c r="H70" s="4">
        <v>20</v>
      </c>
      <c r="I70" s="4">
        <v>5</v>
      </c>
      <c r="J70" s="4">
        <v>375</v>
      </c>
    </row>
    <row r="71" spans="1:10" s="26" customFormat="1" ht="11.4" customHeight="1" x14ac:dyDescent="0.2">
      <c r="B71" s="27"/>
      <c r="C71" s="28"/>
      <c r="D71" s="29"/>
      <c r="E71" s="29"/>
      <c r="F71" s="29"/>
      <c r="G71" s="29"/>
      <c r="H71" s="29"/>
      <c r="I71" s="29"/>
      <c r="J71" s="29"/>
    </row>
    <row r="72" spans="1:10" s="20" customFormat="1" ht="11.4" customHeight="1" x14ac:dyDescent="0.2">
      <c r="B72" s="30"/>
      <c r="C72" s="31"/>
      <c r="D72" s="3"/>
      <c r="E72" s="3"/>
      <c r="F72" s="3"/>
      <c r="G72" s="3"/>
      <c r="H72" s="3"/>
      <c r="I72" s="3"/>
      <c r="J72" s="3"/>
    </row>
    <row r="73" spans="1:10" s="20" customFormat="1" ht="11.4" customHeight="1" x14ac:dyDescent="0.2">
      <c r="B73" s="31"/>
      <c r="C73" s="31"/>
      <c r="D73" s="3"/>
      <c r="E73" s="3"/>
      <c r="F73" s="3"/>
      <c r="G73" s="3"/>
      <c r="H73" s="3"/>
      <c r="I73" s="3"/>
      <c r="J73" s="3"/>
    </row>
    <row r="74" spans="1:10" s="20" customFormat="1" ht="11.4" customHeight="1" x14ac:dyDescent="0.2">
      <c r="B74" s="31"/>
      <c r="C74" s="31"/>
      <c r="D74" s="3"/>
      <c r="E74" s="3"/>
      <c r="F74" s="3"/>
      <c r="G74" s="3"/>
      <c r="H74" s="3"/>
      <c r="I74" s="3"/>
      <c r="J74" s="3"/>
    </row>
    <row r="75" spans="1:10" s="20" customFormat="1" ht="11.4" customHeight="1" x14ac:dyDescent="0.2">
      <c r="B75" s="31"/>
      <c r="C75" s="31"/>
      <c r="D75" s="3"/>
      <c r="E75" s="3"/>
      <c r="F75" s="3"/>
      <c r="G75" s="3"/>
      <c r="H75" s="3"/>
      <c r="I75" s="3"/>
      <c r="J75" s="3"/>
    </row>
    <row r="76" spans="1:10" s="20" customFormat="1" ht="11.4" customHeight="1" x14ac:dyDescent="0.2">
      <c r="B76" s="31"/>
      <c r="C76" s="31"/>
      <c r="D76" s="3"/>
      <c r="E76" s="3"/>
      <c r="F76" s="3"/>
      <c r="G76" s="3"/>
      <c r="H76" s="3"/>
      <c r="I76" s="3"/>
      <c r="J76" s="3"/>
    </row>
    <row r="77" spans="1:10" s="20" customFormat="1" ht="11.4" customHeight="1" x14ac:dyDescent="0.2">
      <c r="B77" s="31"/>
      <c r="C77" s="31"/>
      <c r="D77" s="3"/>
      <c r="E77" s="3"/>
      <c r="F77" s="3"/>
      <c r="G77" s="3"/>
      <c r="H77" s="3"/>
      <c r="I77" s="3"/>
      <c r="J77" s="3"/>
    </row>
    <row r="78" spans="1:10" s="20" customFormat="1" ht="11.4" customHeight="1" x14ac:dyDescent="0.2">
      <c r="B78" s="31"/>
      <c r="C78" s="31"/>
      <c r="D78" s="3"/>
      <c r="E78" s="3"/>
      <c r="F78" s="3"/>
      <c r="G78" s="3"/>
      <c r="H78" s="3"/>
      <c r="I78" s="3"/>
      <c r="J78" s="3"/>
    </row>
    <row r="79" spans="1:10" s="20" customFormat="1" ht="11.4" customHeight="1" x14ac:dyDescent="0.2">
      <c r="B79" s="31"/>
      <c r="C79" s="31"/>
      <c r="D79" s="3"/>
      <c r="E79" s="3"/>
      <c r="F79" s="3"/>
      <c r="G79" s="3"/>
      <c r="H79" s="3"/>
      <c r="I79" s="3"/>
      <c r="J79" s="3"/>
    </row>
    <row r="80" spans="1:10" s="20" customFormat="1" ht="11.4" customHeight="1" x14ac:dyDescent="0.2">
      <c r="B80" s="31"/>
      <c r="C80" s="31"/>
      <c r="D80" s="3"/>
      <c r="E80" s="3"/>
      <c r="F80" s="3"/>
      <c r="G80" s="3"/>
      <c r="H80" s="3"/>
      <c r="I80" s="3"/>
      <c r="J80" s="3"/>
    </row>
    <row r="81" spans="2:10" s="20" customFormat="1" ht="11.4" customHeight="1" x14ac:dyDescent="0.2">
      <c r="B81" s="31"/>
      <c r="C81" s="31"/>
      <c r="D81" s="3"/>
      <c r="E81" s="3"/>
      <c r="F81" s="3"/>
      <c r="G81" s="3"/>
      <c r="H81" s="3"/>
      <c r="I81" s="3"/>
      <c r="J81" s="3"/>
    </row>
    <row r="82" spans="2:10" s="20" customFormat="1" ht="11.4" customHeight="1" x14ac:dyDescent="0.2">
      <c r="B82" s="31"/>
      <c r="C82" s="31"/>
      <c r="D82" s="3"/>
      <c r="E82" s="3"/>
      <c r="F82" s="3"/>
      <c r="G82" s="3"/>
      <c r="H82" s="3"/>
      <c r="I82" s="3"/>
      <c r="J82" s="3"/>
    </row>
    <row r="83" spans="2:10" s="20" customFormat="1" ht="11.4" customHeight="1" x14ac:dyDescent="0.2">
      <c r="B83" s="31"/>
      <c r="C83" s="31"/>
      <c r="D83" s="3"/>
      <c r="E83" s="3"/>
      <c r="F83" s="3"/>
      <c r="G83" s="3"/>
      <c r="H83" s="3"/>
      <c r="I83" s="3"/>
      <c r="J83" s="3"/>
    </row>
    <row r="84" spans="2:10" s="20" customFormat="1" ht="11.4" customHeight="1" x14ac:dyDescent="0.2">
      <c r="B84" s="31"/>
      <c r="C84" s="31"/>
      <c r="D84" s="3"/>
      <c r="E84" s="3"/>
      <c r="F84" s="3"/>
      <c r="G84" s="3"/>
      <c r="H84" s="3"/>
      <c r="I84" s="3"/>
      <c r="J84" s="3"/>
    </row>
    <row r="85" spans="2:10" s="20" customFormat="1" ht="11.4" customHeight="1" x14ac:dyDescent="0.2">
      <c r="B85" s="31"/>
      <c r="C85" s="31"/>
      <c r="D85" s="3"/>
      <c r="E85" s="3"/>
      <c r="F85" s="3"/>
      <c r="G85" s="3"/>
      <c r="H85" s="3"/>
      <c r="I85" s="3"/>
      <c r="J85" s="3"/>
    </row>
    <row r="86" spans="2:10" s="20" customFormat="1" ht="11.4" customHeight="1" x14ac:dyDescent="0.2">
      <c r="B86" s="31"/>
      <c r="C86" s="31"/>
      <c r="D86" s="3"/>
      <c r="E86" s="3"/>
      <c r="F86" s="3"/>
      <c r="G86" s="3"/>
      <c r="H86" s="3"/>
      <c r="I86" s="3"/>
      <c r="J86" s="3"/>
    </row>
    <row r="87" spans="2:10" s="20" customFormat="1" ht="11.4" customHeight="1" x14ac:dyDescent="0.2">
      <c r="B87" s="31"/>
      <c r="C87" s="31"/>
      <c r="D87" s="3"/>
      <c r="E87" s="3"/>
      <c r="F87" s="3"/>
      <c r="G87" s="3"/>
      <c r="H87" s="3"/>
      <c r="I87" s="3"/>
      <c r="J87" s="3"/>
    </row>
    <row r="88" spans="2:10" s="20" customFormat="1" ht="11.4" customHeight="1" x14ac:dyDescent="0.2">
      <c r="B88" s="31"/>
      <c r="C88" s="31"/>
      <c r="D88" s="3"/>
      <c r="E88" s="3"/>
      <c r="F88" s="3"/>
      <c r="G88" s="3"/>
      <c r="H88" s="3"/>
      <c r="I88" s="3"/>
      <c r="J88" s="3"/>
    </row>
    <row r="89" spans="2:10" s="20" customFormat="1" ht="11.4" customHeight="1" x14ac:dyDescent="0.2">
      <c r="B89" s="31"/>
      <c r="C89" s="31"/>
      <c r="D89" s="3"/>
      <c r="E89" s="3"/>
      <c r="F89" s="3"/>
      <c r="G89" s="3"/>
      <c r="H89" s="3"/>
      <c r="I89" s="3"/>
      <c r="J89" s="3"/>
    </row>
    <row r="90" spans="2:10" s="20" customFormat="1" ht="11.4" customHeight="1" x14ac:dyDescent="0.2">
      <c r="B90" s="31"/>
      <c r="C90" s="31"/>
      <c r="D90" s="32"/>
      <c r="E90" s="32"/>
      <c r="F90" s="32"/>
      <c r="G90" s="32"/>
      <c r="H90" s="32"/>
      <c r="I90" s="32"/>
      <c r="J90" s="32"/>
    </row>
    <row r="91" spans="2:10" s="20" customFormat="1" ht="11.4" customHeight="1" x14ac:dyDescent="0.2">
      <c r="B91" s="31"/>
      <c r="C91" s="31"/>
      <c r="D91" s="32"/>
      <c r="E91" s="32"/>
      <c r="F91" s="32"/>
      <c r="G91" s="32"/>
      <c r="H91" s="32"/>
      <c r="I91" s="32"/>
      <c r="J91" s="32"/>
    </row>
    <row r="92" spans="2:10" s="20" customFormat="1" ht="11.4" customHeight="1" x14ac:dyDescent="0.2">
      <c r="B92" s="31"/>
      <c r="C92" s="31"/>
      <c r="D92" s="32"/>
      <c r="E92" s="32"/>
      <c r="F92" s="32"/>
      <c r="G92" s="32"/>
      <c r="H92" s="32"/>
      <c r="I92" s="32"/>
      <c r="J92" s="32"/>
    </row>
    <row r="93" spans="2:10" s="20" customFormat="1" ht="11.4" customHeight="1" x14ac:dyDescent="0.2">
      <c r="B93" s="31"/>
      <c r="C93" s="31"/>
      <c r="D93" s="32"/>
      <c r="E93" s="32"/>
      <c r="F93" s="32"/>
      <c r="G93" s="32"/>
      <c r="H93" s="32"/>
      <c r="I93" s="32"/>
      <c r="J93" s="32"/>
    </row>
    <row r="94" spans="2:10" ht="11.4" customHeight="1" x14ac:dyDescent="0.2">
      <c r="D94" s="34"/>
      <c r="E94" s="34"/>
      <c r="F94" s="34"/>
      <c r="G94" s="34"/>
      <c r="H94" s="34"/>
      <c r="I94" s="34"/>
      <c r="J94" s="34"/>
    </row>
  </sheetData>
  <mergeCells count="13">
    <mergeCell ref="A6:A8"/>
    <mergeCell ref="E4:F6"/>
    <mergeCell ref="C4:D6"/>
    <mergeCell ref="H7:H8"/>
    <mergeCell ref="I7:I8"/>
    <mergeCell ref="J7:J8"/>
    <mergeCell ref="I4:J6"/>
    <mergeCell ref="G4:H6"/>
    <mergeCell ref="C7:C8"/>
    <mergeCell ref="D7:D8"/>
    <mergeCell ref="E7:E8"/>
    <mergeCell ref="F7:F8"/>
    <mergeCell ref="G7:G8"/>
  </mergeCells>
  <phoneticPr fontId="3"/>
  <pageMargins left="0.59055118110236227" right="0.59055118110236227" top="0.59055118110236227" bottom="0.59055118110236227" header="0.39370078740157483" footer="0.39370078740157483"/>
  <pageSetup paperSize="9" firstPageNumber="111" fitToWidth="0" fitToHeight="0" orientation="portrait" useFirstPageNumber="1" horizontalDpi="2400" verticalDpi="1200" r:id="rId1"/>
  <headerFooter scaleWithDoc="0">
    <oddFooter>&amp;C&amp;"ＭＳ 明朝,標準"&amp;12- &amp;P -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Ⅰ-5(1)p111 都道府県設定項目</vt:lpstr>
      <vt:lpstr>'Ⅰ-5(1)p111 都道府県設定項目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15T01:23:36Z</cp:lastPrinted>
  <dcterms:created xsi:type="dcterms:W3CDTF">2015-11-19T02:02:24Z</dcterms:created>
  <dcterms:modified xsi:type="dcterms:W3CDTF">2023-03-10T07:26:47Z</dcterms:modified>
</cp:coreProperties>
</file>